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9-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9-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doesburg/"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5" name="Afbeelding 4" descr="Afbeelding met tekst, logo, schermopname, Lettertype&#10;&#10;Automatisch gegenereerde beschrijving">
            <a:extLst>
              <a:ext uri="{FF2B5EF4-FFF2-40B4-BE49-F238E27FC236}">
                <a16:creationId xmlns:a16="http://schemas.microsoft.com/office/drawing/2014/main" id="{0B90306C-9178-61EC-7ECF-33C8295EDE1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77102" y="4636818"/>
            <a:ext cx="2515186" cy="2032270"/>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ogo, schermopname, Lettertype&#10;&#10;Automatisch gegenereerde beschrijving">
            <a:extLst>
              <a:ext uri="{FF2B5EF4-FFF2-40B4-BE49-F238E27FC236}">
                <a16:creationId xmlns:a16="http://schemas.microsoft.com/office/drawing/2014/main" id="{546DCFA3-53A6-3FAB-E387-777256E75A3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364928" y="3731559"/>
            <a:ext cx="1889020" cy="152632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9</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1-29T11:26:28Z</dcterms:modified>
</cp:coreProperties>
</file>